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pPr w:leftFromText="180" w:rightFromText="180" w:horzAnchor="margin" w:tblpY="702"/>
        <w:tblW w:w="8460" w:type="dxa"/>
        <w:tblBorders>
          <w:top w:val="outset" w:sz="6" w:space="0" w:color="auto"/>
          <w:left w:val="outset" w:sz="6" w:space="0" w:color="auto"/>
          <w:bottom w:val="outset" w:sz="6" w:space="0" w:color="auto"/>
          <w:right w:val="outset" w:sz="6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4515"/>
        <w:gridCol w:w="1455"/>
        <w:gridCol w:w="1245"/>
        <w:gridCol w:w="1245"/>
      </w:tblGrid>
      <w:tr w:rsidR="006515C3" w:rsidRPr="006515C3" w14:paraId="495630E5" w14:textId="77777777" w:rsidTr="2DE38344">
        <w:tc>
          <w:tcPr>
            <w:tcW w:w="4515" w:type="dxa"/>
            <w:tcBorders>
              <w:top w:val="single" w:sz="6" w:space="0" w:color="auto"/>
              <w:left w:val="nil"/>
              <w:bottom w:val="single" w:sz="6" w:space="0" w:color="auto"/>
              <w:right w:val="nil"/>
            </w:tcBorders>
            <w:shd w:val="clear" w:color="auto" w:fill="auto"/>
            <w:hideMark/>
          </w:tcPr>
          <w:p w14:paraId="4EB7827D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Food Group </w:t>
            </w:r>
          </w:p>
        </w:tc>
        <w:tc>
          <w:tcPr>
            <w:tcW w:w="1455" w:type="dxa"/>
            <w:tcBorders>
              <w:top w:val="single" w:sz="6" w:space="0" w:color="auto"/>
              <w:left w:val="nil"/>
              <w:bottom w:val="single" w:sz="6" w:space="0" w:color="auto"/>
              <w:right w:val="nil"/>
            </w:tcBorders>
            <w:shd w:val="clear" w:color="auto" w:fill="auto"/>
            <w:hideMark/>
          </w:tcPr>
          <w:p w14:paraId="6BAFB940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Convenience </w:t>
            </w:r>
          </w:p>
        </w:tc>
        <w:tc>
          <w:tcPr>
            <w:tcW w:w="1245" w:type="dxa"/>
            <w:tcBorders>
              <w:top w:val="single" w:sz="6" w:space="0" w:color="auto"/>
              <w:left w:val="nil"/>
              <w:bottom w:val="single" w:sz="6" w:space="0" w:color="auto"/>
              <w:right w:val="nil"/>
            </w:tcBorders>
            <w:shd w:val="clear" w:color="auto" w:fill="auto"/>
            <w:hideMark/>
          </w:tcPr>
          <w:p w14:paraId="1E693708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DP2 </w:t>
            </w:r>
          </w:p>
        </w:tc>
        <w:tc>
          <w:tcPr>
            <w:tcW w:w="1245" w:type="dxa"/>
            <w:tcBorders>
              <w:top w:val="single" w:sz="6" w:space="0" w:color="auto"/>
              <w:left w:val="nil"/>
              <w:bottom w:val="single" w:sz="6" w:space="0" w:color="auto"/>
              <w:right w:val="nil"/>
            </w:tcBorders>
            <w:shd w:val="clear" w:color="auto" w:fill="auto"/>
            <w:hideMark/>
          </w:tcPr>
          <w:p w14:paraId="70393C49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DP3 </w:t>
            </w:r>
          </w:p>
        </w:tc>
      </w:tr>
      <w:tr w:rsidR="006515C3" w:rsidRPr="006515C3" w14:paraId="51C40B00" w14:textId="77777777" w:rsidTr="2DE38344">
        <w:tc>
          <w:tcPr>
            <w:tcW w:w="4515" w:type="dxa"/>
            <w:tcBorders>
              <w:top w:val="single" w:sz="6" w:space="0" w:color="auto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5C6C824D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Rice </w:t>
            </w:r>
          </w:p>
        </w:tc>
        <w:tc>
          <w:tcPr>
            <w:tcW w:w="1455" w:type="dxa"/>
            <w:tcBorders>
              <w:top w:val="single" w:sz="6" w:space="0" w:color="auto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5162F2B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00432 </w:t>
            </w:r>
          </w:p>
        </w:tc>
        <w:tc>
          <w:tcPr>
            <w:tcW w:w="1245" w:type="dxa"/>
            <w:tcBorders>
              <w:top w:val="single" w:sz="6" w:space="0" w:color="auto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E738371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226695 </w:t>
            </w:r>
          </w:p>
        </w:tc>
        <w:tc>
          <w:tcPr>
            <w:tcW w:w="1245" w:type="dxa"/>
            <w:tcBorders>
              <w:top w:val="single" w:sz="6" w:space="0" w:color="auto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2FB03D8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45657 </w:t>
            </w:r>
          </w:p>
        </w:tc>
      </w:tr>
      <w:tr w:rsidR="006515C3" w:rsidRPr="006515C3" w14:paraId="3A6EB400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4A548F0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Oatmeal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B26AB33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126764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AAB4320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139880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58DC8BA6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97990 </w:t>
            </w:r>
          </w:p>
        </w:tc>
      </w:tr>
      <w:tr w:rsidR="006515C3" w:rsidRPr="006515C3" w14:paraId="72A71AE0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B6F1EFB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Bread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B0FF1F3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47732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0D928F7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225726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6F8B4F7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49888 </w:t>
            </w:r>
          </w:p>
        </w:tc>
      </w:tr>
      <w:tr w:rsidR="006515C3" w:rsidRPr="006515C3" w14:paraId="384FDF6A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FDDC9E3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Fruits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7EB8051A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-0.472292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EBB1D86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202338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7F99F45B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195909 </w:t>
            </w:r>
          </w:p>
        </w:tc>
      </w:tr>
      <w:tr w:rsidR="006515C3" w:rsidRPr="006515C3" w14:paraId="17D5599F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BCE0995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Leafy greens and Vegetables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A911402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-0.297057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70BAFA11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0.253504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6C27E17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77134 </w:t>
            </w:r>
          </w:p>
        </w:tc>
      </w:tr>
      <w:tr w:rsidR="006515C3" w:rsidRPr="006515C3" w14:paraId="278E790B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CF0A79B" w14:textId="29F7877B" w:rsidR="006515C3" w:rsidRPr="006515C3" w:rsidRDefault="00BD7648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>
              <w:rPr>
                <w:rFonts w:ascii="Times New Roman" w:eastAsia="Times New Roman" w:hAnsi="Times New Roman" w:cs="Times New Roman"/>
                <w:color w:val="000000" w:themeColor="text1"/>
                <w:sz w:val="24"/>
                <w:szCs w:val="24"/>
                <w:lang w:val="en-US"/>
              </w:rPr>
              <w:t>Beans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7BFD38E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240371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BDC0609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206368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D856EC2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0.601393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</w:tr>
      <w:tr w:rsidR="006515C3" w:rsidRPr="006515C3" w14:paraId="5D9BB091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0B0A6E28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Milk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01C66CC1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103438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00196507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0.382478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DF78363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-0.369043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</w:tr>
      <w:tr w:rsidR="006515C3" w:rsidRPr="006515C3" w14:paraId="3DAE6F19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1199F03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Nuts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F7A181C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118150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7857B603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0.280088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CBE783A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223892 </w:t>
            </w:r>
          </w:p>
        </w:tc>
      </w:tr>
      <w:tr w:rsidR="006515C3" w:rsidRPr="006515C3" w14:paraId="02FA5480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87E7120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Sweets and desserts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1D865BC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0.261440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7FBF501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24488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76F55E03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51530 </w:t>
            </w:r>
          </w:p>
        </w:tc>
      </w:tr>
      <w:tr w:rsidR="006515C3" w:rsidRPr="006515C3" w14:paraId="202A00C9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41C1223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Tubers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51C12F5A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52399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5F2AFDCA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160521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29D6047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17175 </w:t>
            </w:r>
          </w:p>
        </w:tc>
      </w:tr>
      <w:tr w:rsidR="006515C3" w:rsidRPr="006515C3" w14:paraId="595A1142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D49C4EA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Pasta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75D2CAFC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110764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F6C8E7B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60677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7F5A49AA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25233 </w:t>
            </w:r>
          </w:p>
        </w:tc>
      </w:tr>
      <w:tr w:rsidR="006515C3" w:rsidRPr="006515C3" w14:paraId="139A6CB8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0D77D3E9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Snacks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52D2B505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0.342078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7AF9BBE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05865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077ADBEA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199846 </w:t>
            </w:r>
          </w:p>
        </w:tc>
      </w:tr>
      <w:tr w:rsidR="006515C3" w:rsidRPr="006515C3" w14:paraId="385E02FC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6F811DF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Eggs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75F7EF70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148773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5C4FF3E3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14876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0A163572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96188 </w:t>
            </w:r>
          </w:p>
        </w:tc>
      </w:tr>
      <w:tr w:rsidR="006515C3" w:rsidRPr="006515C3" w14:paraId="2206ED58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74FDAEDC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Cheese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D95671C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180652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892979B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233571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61875D1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71753 </w:t>
            </w:r>
          </w:p>
        </w:tc>
      </w:tr>
      <w:tr w:rsidR="006515C3" w:rsidRPr="006515C3" w14:paraId="440089F8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87CF904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Butter/margarine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C887F20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239458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3754115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76120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C578BD1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171957 </w:t>
            </w:r>
          </w:p>
        </w:tc>
      </w:tr>
      <w:tr w:rsidR="006515C3" w:rsidRPr="006515C3" w14:paraId="47E28B13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7415F187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Red meat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0E372273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0.302584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55E6643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98396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0469AB25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162491 </w:t>
            </w:r>
          </w:p>
        </w:tc>
      </w:tr>
      <w:tr w:rsidR="006515C3" w:rsidRPr="006515C3" w14:paraId="3946D694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587FD4E1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Poultry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51EC3622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80478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F779016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58797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216AB3D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09569 </w:t>
            </w:r>
          </w:p>
        </w:tc>
      </w:tr>
      <w:tr w:rsidR="006515C3" w:rsidRPr="006515C3" w14:paraId="637F1F6E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E964798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Processed meat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5ADEF7C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0.272207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48F4214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36650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98E07DD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183453 </w:t>
            </w:r>
          </w:p>
        </w:tc>
      </w:tr>
      <w:tr w:rsidR="006515C3" w:rsidRPr="006515C3" w14:paraId="02D44FD9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4997CB7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Fish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329853CA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90534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54EE8AC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72863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890EB84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27366 </w:t>
            </w:r>
          </w:p>
        </w:tc>
      </w:tr>
      <w:tr w:rsidR="006515C3" w:rsidRPr="006515C3" w14:paraId="6EB74F1D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255F56A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Soft drink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E25E2D1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199995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C446D9E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145844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B63E6E1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65032 </w:t>
            </w:r>
          </w:p>
        </w:tc>
      </w:tr>
      <w:tr w:rsidR="006515C3" w:rsidRPr="006515C3" w14:paraId="183B5601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57462601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Juice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58F6E54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31788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C5F3A32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-0.336958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0344D450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130270 </w:t>
            </w:r>
          </w:p>
        </w:tc>
      </w:tr>
      <w:tr w:rsidR="006515C3" w:rsidRPr="006515C3" w14:paraId="7F8A14F5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6D7225AC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Coffee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B401C95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146706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20E4ACA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02071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DD26A64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0.472301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</w:tr>
      <w:tr w:rsidR="006515C3" w:rsidRPr="006515C3" w14:paraId="18460EB4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E84921E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Beer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03EEE049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144673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5DFCEFA9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b/>
                <w:bCs/>
                <w:sz w:val="24"/>
                <w:szCs w:val="24"/>
                <w:lang w:val="en-US"/>
              </w:rPr>
              <w:t>-0.482079</w:t>
            </w: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F1BDC19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12188 </w:t>
            </w:r>
          </w:p>
        </w:tc>
      </w:tr>
      <w:tr w:rsidR="006515C3" w:rsidRPr="006515C3" w14:paraId="7367E358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42234EEF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Wine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890DF86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76533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1A9A06D4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025314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C5C5AC5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02176 </w:t>
            </w:r>
          </w:p>
        </w:tc>
      </w:tr>
      <w:tr w:rsidR="006515C3" w:rsidRPr="006515C3" w14:paraId="79CAE964" w14:textId="77777777" w:rsidTr="2DE38344">
        <w:tc>
          <w:tcPr>
            <w:tcW w:w="4515" w:type="dxa"/>
            <w:tcBorders>
              <w:top w:val="nil"/>
              <w:left w:val="nil"/>
              <w:bottom w:val="single" w:sz="6" w:space="0" w:color="auto"/>
              <w:right w:val="nil"/>
            </w:tcBorders>
            <w:shd w:val="clear" w:color="auto" w:fill="auto"/>
            <w:vAlign w:val="bottom"/>
            <w:hideMark/>
          </w:tcPr>
          <w:p w14:paraId="77328336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Distilled  </w:t>
            </w:r>
          </w:p>
        </w:tc>
        <w:tc>
          <w:tcPr>
            <w:tcW w:w="1455" w:type="dxa"/>
            <w:tcBorders>
              <w:top w:val="nil"/>
              <w:left w:val="nil"/>
              <w:bottom w:val="single" w:sz="6" w:space="0" w:color="auto"/>
              <w:right w:val="nil"/>
            </w:tcBorders>
            <w:shd w:val="clear" w:color="auto" w:fill="auto"/>
            <w:vAlign w:val="bottom"/>
            <w:hideMark/>
          </w:tcPr>
          <w:p w14:paraId="23BB8463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75999 </w:t>
            </w:r>
          </w:p>
        </w:tc>
        <w:tc>
          <w:tcPr>
            <w:tcW w:w="1245" w:type="dxa"/>
            <w:tcBorders>
              <w:top w:val="nil"/>
              <w:left w:val="nil"/>
              <w:bottom w:val="single" w:sz="6" w:space="0" w:color="auto"/>
              <w:right w:val="nil"/>
            </w:tcBorders>
            <w:shd w:val="clear" w:color="auto" w:fill="auto"/>
            <w:vAlign w:val="bottom"/>
            <w:hideMark/>
          </w:tcPr>
          <w:p w14:paraId="73ED4361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-0.165102 </w:t>
            </w:r>
          </w:p>
        </w:tc>
        <w:tc>
          <w:tcPr>
            <w:tcW w:w="1245" w:type="dxa"/>
            <w:tcBorders>
              <w:top w:val="nil"/>
              <w:left w:val="nil"/>
              <w:bottom w:val="single" w:sz="6" w:space="0" w:color="auto"/>
              <w:right w:val="nil"/>
            </w:tcBorders>
            <w:shd w:val="clear" w:color="auto" w:fill="auto"/>
            <w:vAlign w:val="bottom"/>
            <w:hideMark/>
          </w:tcPr>
          <w:p w14:paraId="5B7DD219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0.026196 </w:t>
            </w:r>
          </w:p>
        </w:tc>
      </w:tr>
      <w:tr w:rsidR="006515C3" w:rsidRPr="006515C3" w14:paraId="1D0DF2D5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585C479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% explained variance of predictors variables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19BE70A4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5.84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09F61614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4.45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6EB81BA4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3.92 </w:t>
            </w:r>
          </w:p>
        </w:tc>
      </w:tr>
      <w:tr w:rsidR="006515C3" w:rsidRPr="006515C3" w14:paraId="5BD074D3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D137887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% cumulative explained variance of predictors variables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26C73A03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5.84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03E8631B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10.29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721D8310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14.22 </w:t>
            </w:r>
          </w:p>
        </w:tc>
      </w:tr>
      <w:tr w:rsidR="006515C3" w:rsidRPr="006515C3" w14:paraId="0A26D69B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27D473B7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% ED explained variance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0F246C0D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42.86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0757C0BD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73.55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0AEAC379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84.03 </w:t>
            </w:r>
          </w:p>
        </w:tc>
      </w:tr>
      <w:tr w:rsidR="006515C3" w:rsidRPr="006515C3" w14:paraId="69D75B28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70BFFCFE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% FD explained variance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338C571F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60.14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617CB0B4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60.47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7C98DDAA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83.59 </w:t>
            </w:r>
          </w:p>
        </w:tc>
      </w:tr>
      <w:tr w:rsidR="006515C3" w:rsidRPr="006515C3" w14:paraId="2C02036B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57CD4350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% Fat explained variance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0F6C4D4C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43.22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7AB14686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81.59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6433C3B5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87.59 </w:t>
            </w:r>
          </w:p>
        </w:tc>
      </w:tr>
      <w:tr w:rsidR="006515C3" w:rsidRPr="006515C3" w14:paraId="0F18F2C3" w14:textId="77777777" w:rsidTr="2DE38344">
        <w:tc>
          <w:tcPr>
            <w:tcW w:w="451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hideMark/>
          </w:tcPr>
          <w:p w14:paraId="087997D8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% explained variance of response variables </w:t>
            </w:r>
          </w:p>
        </w:tc>
        <w:tc>
          <w:tcPr>
            <w:tcW w:w="145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1FF497FA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48 .74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6209FB68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23.13 </w:t>
            </w:r>
          </w:p>
        </w:tc>
        <w:tc>
          <w:tcPr>
            <w:tcW w:w="12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hideMark/>
          </w:tcPr>
          <w:p w14:paraId="17F10B29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13.20 </w:t>
            </w:r>
          </w:p>
        </w:tc>
      </w:tr>
      <w:tr w:rsidR="006515C3" w:rsidRPr="006515C3" w14:paraId="42E8D17E" w14:textId="77777777" w:rsidTr="2DE38344">
        <w:tc>
          <w:tcPr>
            <w:tcW w:w="4515" w:type="dxa"/>
            <w:tcBorders>
              <w:top w:val="nil"/>
              <w:left w:val="nil"/>
              <w:bottom w:val="single" w:sz="6" w:space="0" w:color="auto"/>
              <w:right w:val="nil"/>
            </w:tcBorders>
            <w:shd w:val="clear" w:color="auto" w:fill="auto"/>
            <w:vAlign w:val="bottom"/>
            <w:hideMark/>
          </w:tcPr>
          <w:p w14:paraId="6CA1BA50" w14:textId="77777777" w:rsidR="006515C3" w:rsidRPr="006515C3" w:rsidRDefault="006515C3" w:rsidP="006515C3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color w:val="000000"/>
                <w:sz w:val="24"/>
                <w:szCs w:val="24"/>
                <w:lang w:val="en-US"/>
              </w:rPr>
              <w:t>% cumulative explained variance of response variables </w:t>
            </w:r>
          </w:p>
        </w:tc>
        <w:tc>
          <w:tcPr>
            <w:tcW w:w="1455" w:type="dxa"/>
            <w:tcBorders>
              <w:top w:val="nil"/>
              <w:left w:val="nil"/>
              <w:bottom w:val="single" w:sz="6" w:space="0" w:color="auto"/>
              <w:right w:val="nil"/>
            </w:tcBorders>
            <w:shd w:val="clear" w:color="auto" w:fill="auto"/>
            <w:hideMark/>
          </w:tcPr>
          <w:p w14:paraId="723E14B4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48.74 </w:t>
            </w:r>
          </w:p>
        </w:tc>
        <w:tc>
          <w:tcPr>
            <w:tcW w:w="1245" w:type="dxa"/>
            <w:tcBorders>
              <w:top w:val="nil"/>
              <w:left w:val="nil"/>
              <w:bottom w:val="single" w:sz="6" w:space="0" w:color="auto"/>
              <w:right w:val="nil"/>
            </w:tcBorders>
            <w:shd w:val="clear" w:color="auto" w:fill="auto"/>
            <w:hideMark/>
          </w:tcPr>
          <w:p w14:paraId="6276C25E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71.87 </w:t>
            </w:r>
          </w:p>
        </w:tc>
        <w:tc>
          <w:tcPr>
            <w:tcW w:w="1245" w:type="dxa"/>
            <w:tcBorders>
              <w:top w:val="nil"/>
              <w:left w:val="nil"/>
              <w:bottom w:val="single" w:sz="6" w:space="0" w:color="auto"/>
              <w:right w:val="nil"/>
            </w:tcBorders>
            <w:shd w:val="clear" w:color="auto" w:fill="auto"/>
            <w:hideMark/>
          </w:tcPr>
          <w:p w14:paraId="2B337FAB" w14:textId="77777777" w:rsidR="006515C3" w:rsidRPr="006515C3" w:rsidRDefault="006515C3" w:rsidP="006515C3">
            <w:pPr>
              <w:spacing w:after="0" w:line="240" w:lineRule="auto"/>
              <w:jc w:val="center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</w:pPr>
            <w:r w:rsidRPr="006515C3">
              <w:rPr>
                <w:rFonts w:ascii="Times New Roman" w:eastAsia="Times New Roman" w:hAnsi="Times New Roman" w:cs="Times New Roman"/>
                <w:sz w:val="24"/>
                <w:szCs w:val="24"/>
                <w:lang w:val="en-US"/>
              </w:rPr>
              <w:t>85.07 </w:t>
            </w:r>
          </w:p>
        </w:tc>
      </w:tr>
    </w:tbl>
    <w:p w14:paraId="1643B1CB" w14:textId="4C753197" w:rsidR="00C2111F" w:rsidRPr="00BD7648" w:rsidRDefault="00006E52" w:rsidP="006515C3">
      <w:pPr>
        <w:spacing w:after="0"/>
        <w:rPr>
          <w:rFonts w:ascii="Times New Roman" w:hAnsi="Times New Roman" w:cs="Times New Roman"/>
          <w:sz w:val="24"/>
          <w:szCs w:val="24"/>
          <w:lang w:val="en-US"/>
        </w:rPr>
      </w:pPr>
      <w:bookmarkStart w:id="0" w:name="_GoBack"/>
      <w:r w:rsidRPr="00006E52">
        <w:rPr>
          <w:rFonts w:ascii="Times New Roman" w:hAnsi="Times New Roman" w:cs="Times New Roman"/>
          <w:b/>
          <w:sz w:val="24"/>
          <w:szCs w:val="24"/>
          <w:lang w:val="en-US"/>
        </w:rPr>
        <w:t>Supplementary Table 2</w:t>
      </w:r>
      <w:r w:rsidR="006515C3" w:rsidRPr="00BD7648">
        <w:rPr>
          <w:rFonts w:ascii="Times New Roman" w:hAnsi="Times New Roman" w:cs="Times New Roman"/>
          <w:sz w:val="24"/>
          <w:szCs w:val="24"/>
          <w:lang w:val="en-US"/>
        </w:rPr>
        <w:t>. Food groups factor loadings, eigenvalues and explained variance among dietary patterns through Reduced Rank Regression.</w:t>
      </w:r>
      <w:bookmarkEnd w:id="0"/>
    </w:p>
    <w:sectPr w:rsidR="00C2111F" w:rsidRPr="00BD7648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activeWritingStyle w:appName="MSWord" w:lang="pt-BR" w:vendorID="64" w:dllVersion="131078" w:nlCheck="1" w:checkStyle="0"/>
  <w:activeWritingStyle w:appName="MSWord" w:lang="en-US" w:vendorID="64" w:dllVersion="131078" w:nlCheck="1" w:checkStyle="1"/>
  <w:proofState w:spelling="clean" w:grammar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6515C3"/>
    <w:rsid w:val="00006E52"/>
    <w:rsid w:val="00350BD1"/>
    <w:rsid w:val="006515C3"/>
    <w:rsid w:val="007148B1"/>
    <w:rsid w:val="00BD7648"/>
    <w:rsid w:val="00C2111F"/>
    <w:rsid w:val="2DE3834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pt-BR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6330131"/>
  <w15:chartTrackingRefBased/>
  <w15:docId w15:val="{D4D348FC-706B-4A51-84D0-1B6F3CA03F6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pt-BR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Fontepargpadr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paragraph" w:customStyle="1" w:styleId="paragraph">
    <w:name w:val="paragraph"/>
    <w:basedOn w:val="Normal"/>
    <w:rsid w:val="006515C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en-US"/>
    </w:rPr>
  </w:style>
  <w:style w:type="character" w:customStyle="1" w:styleId="normaltextrun">
    <w:name w:val="normaltextrun"/>
    <w:basedOn w:val="Fontepargpadro"/>
    <w:rsid w:val="006515C3"/>
  </w:style>
  <w:style w:type="character" w:customStyle="1" w:styleId="eop">
    <w:name w:val="eop"/>
    <w:basedOn w:val="Fontepargpadro"/>
    <w:rsid w:val="006515C3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4522886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284652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335518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48354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76347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990535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790480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618120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263965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422655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327520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459966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455298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262837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140450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525831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781134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598154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49333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765186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85955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21191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80354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483058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386652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561727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976834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958431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059149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271109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379864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205988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289695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785254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58988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580560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796058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440062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58504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803149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130107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420707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117294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428359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661036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106430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26793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518226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706129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091527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708445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416143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661280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778363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710451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473940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387888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618495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474224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588589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31093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807545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930387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870626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453415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786139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612261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421812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021965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484042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962726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318335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806715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323052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45102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031625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108163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658179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273097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686527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131915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309078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929931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190164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214803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49872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519107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92346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52727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731222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417873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174438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644597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952172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732615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234151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675333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23913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664671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401624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470992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459688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290853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535889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317579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986120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433677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148791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839400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140078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308885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163077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062066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298496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280363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010670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99045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283484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505563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719704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245243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174522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336630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213935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327623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43202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80150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464367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385075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580271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880712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041650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812677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700560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610901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24443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858146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41097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78246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870379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80578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76056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471645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710003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46423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269168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266746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542053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108136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624624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7393715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030326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491320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877486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126370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446824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902543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776261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299305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382581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62190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400648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926780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492443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396287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376778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669015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206141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278698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204415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908199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170950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049739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104668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555607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948776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536395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209520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463009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339509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189892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211944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590864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82742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552112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994553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715554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146743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782755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404128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7164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6397715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153933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693961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191833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394722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405399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864957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406940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00952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750331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9460358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227888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051509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564848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390325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116252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80370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558104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047108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682453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321497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479228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352010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98683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015846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92246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295003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2639565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787760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620856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676946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82033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600501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209019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085783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056680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071346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425592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819661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279599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371928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054903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033091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245644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522021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859664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89828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405608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6030326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640568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676260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8346471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861405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105372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621799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664881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294096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226758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951911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339236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3799405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277458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793227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790707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969106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946674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289963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619198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825610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107504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703096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232794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1687154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649867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61287\AppData\Local\Temp\Templafy\WordVsto\mwwqlftn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7971C6D-3F3B-44A4-A545-8AEBE2C73372}">
  <ds:schemaRefs/>
</ds:datastoreItem>
</file>

<file path=customXml/itemProps2.xml><?xml version="1.0" encoding="utf-8"?>
<ds:datastoreItem xmlns:ds="http://schemas.openxmlformats.org/officeDocument/2006/customXml" ds:itemID="{CD0BFF8B-C29C-4A2A-97A3-738A635A328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wwqlftn</Template>
  <TotalTime>3</TotalTime>
  <Pages>1</Pages>
  <Words>258</Words>
  <Characters>1399</Characters>
  <Application>Microsoft Office Word</Application>
  <DocSecurity>0</DocSecurity>
  <Lines>11</Lines>
  <Paragraphs>3</Paragraphs>
  <ScaleCrop>false</ScaleCrop>
  <HeadingPairs>
    <vt:vector size="2" baseType="variant">
      <vt:variant>
        <vt:lpstr>Título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5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. De Almeida Alves</dc:creator>
  <cp:keywords/>
  <dc:description/>
  <cp:lastModifiedBy>Mariane Alves</cp:lastModifiedBy>
  <cp:revision>4</cp:revision>
  <dcterms:created xsi:type="dcterms:W3CDTF">2021-12-08T14:24:00Z</dcterms:created>
  <dcterms:modified xsi:type="dcterms:W3CDTF">2021-12-17T18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4429485581793</vt:lpwstr>
  </property>
  <property fmtid="{D5CDD505-2E9C-101B-9397-08002B2CF9AE}" pid="5" name="TemplafyFromBlank">
    <vt:bool>true</vt:bool>
  </property>
</Properties>
</file>